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692A7C"/>
    <a:srgbClr val="F3951F"/>
    <a:srgbClr val="682A7C"/>
    <a:srgbClr val="CED1D3"/>
    <a:srgbClr val="A6A6A6"/>
    <a:srgbClr val="F19C62"/>
    <a:srgbClr val="FFCF3D"/>
    <a:srgbClr val="82B3DF"/>
    <a:srgbClr val="92C470"/>
    <a:srgbClr val="843C0C"/>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oorneaanze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3786B356-D746-A53C-32D6-274E40B3F9E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0605" y="4630316"/>
            <a:ext cx="2516578" cy="203842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sp>
        <p:nvSpPr>
          <p:cNvPr id="7" name="Pijl: rechts 6">
            <a:hlinkClick r:id="rId5"/>
            <a:extLst>
              <a:ext uri="{FF2B5EF4-FFF2-40B4-BE49-F238E27FC236}">
                <a16:creationId xmlns:a16="http://schemas.microsoft.com/office/drawing/2014/main" id="{881C532B-5936-C4D7-CD1A-1595886A41CC}"/>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hlinkClick r:id="rId5"/>
            <a:extLst>
              <a:ext uri="{FF2B5EF4-FFF2-40B4-BE49-F238E27FC236}">
                <a16:creationId xmlns:a16="http://schemas.microsoft.com/office/drawing/2014/main" id="{5893C739-9D2B-5A17-C038-1A3D9E719C0D}"/>
              </a:ext>
            </a:extLst>
          </p:cNvPr>
          <p:cNvPicPr>
            <a:picLocks noChangeAspect="1"/>
          </p:cNvPicPr>
          <p:nvPr/>
        </p:nvPicPr>
        <p:blipFill>
          <a:blip r:embed="rId6"/>
          <a:stretch>
            <a:fillRect/>
          </a:stretch>
        </p:blipFill>
        <p:spPr>
          <a:xfrm>
            <a:off x="2055594" y="511174"/>
            <a:ext cx="8164571" cy="5382837"/>
          </a:xfrm>
          <a:prstGeom prst="rect">
            <a:avLst/>
          </a:prstGeom>
        </p:spPr>
      </p:pic>
      <p:pic>
        <p:nvPicPr>
          <p:cNvPr id="4" name="Afbeelding 3" descr="Afbeelding met tekst, Lettertype, logo, Graphics&#10;&#10;Automatisch gegenereerde beschrijving">
            <a:extLst>
              <a:ext uri="{FF2B5EF4-FFF2-40B4-BE49-F238E27FC236}">
                <a16:creationId xmlns:a16="http://schemas.microsoft.com/office/drawing/2014/main" id="{40139479-377F-C203-509E-63BE6C2274C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69101" y="4165594"/>
            <a:ext cx="1351561" cy="109476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0</cp:revision>
  <dcterms:created xsi:type="dcterms:W3CDTF">2019-07-30T10:24:44Z</dcterms:created>
  <dcterms:modified xsi:type="dcterms:W3CDTF">2024-01-18T12:22:52Z</dcterms:modified>
</cp:coreProperties>
</file>